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184242\OneDrive - Danmarks Tekniske Universitet\Biotech Academy\Hvordan finder man en ny biomarkør\"/>
    </mc:Choice>
  </mc:AlternateContent>
  <bookViews>
    <workbookView xWindow="-105" yWindow="-105" windowWidth="23250" windowHeight="1245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5" uniqueCount="45">
  <si>
    <t>TPRGAAPPGQ</t>
  </si>
  <si>
    <t>CPTGPQNYSP</t>
  </si>
  <si>
    <t>LKVGKGDSGQ</t>
  </si>
  <si>
    <t>SSTGSIDMVD</t>
  </si>
  <si>
    <t>KPGVISVMGT</t>
  </si>
  <si>
    <t>DVLEGDSSED</t>
  </si>
  <si>
    <t>PCAEDYLSVV</t>
  </si>
  <si>
    <t>QGVMVGMGQK</t>
  </si>
  <si>
    <t>IAFLKKLHEE</t>
  </si>
  <si>
    <t>TIHYNYMCNS</t>
  </si>
  <si>
    <t>ESLEEEIRFL</t>
  </si>
  <si>
    <t>ELRQQTEWQS</t>
  </si>
  <si>
    <t>LGPDGLPMPG</t>
  </si>
  <si>
    <t>ATQRLANFLV</t>
  </si>
  <si>
    <t>WHSFGADSVP</t>
  </si>
  <si>
    <t>KFSYIRTSFD</t>
  </si>
  <si>
    <t>PSGEVLETAA</t>
  </si>
  <si>
    <t>SWVNCSNMID</t>
  </si>
  <si>
    <t>Kontrol 1</t>
  </si>
  <si>
    <t>Kontrol 2</t>
  </si>
  <si>
    <t>Kontrol 3</t>
  </si>
  <si>
    <t>Kontrol 4</t>
  </si>
  <si>
    <t>Kontrol 5</t>
  </si>
  <si>
    <t>Kontrol 6</t>
  </si>
  <si>
    <t>Kontrol 7</t>
  </si>
  <si>
    <t>Kontrol 8</t>
  </si>
  <si>
    <t>Kontrol 9</t>
  </si>
  <si>
    <t>Kontrol 10</t>
  </si>
  <si>
    <t>Patient 1</t>
  </si>
  <si>
    <t>Patient 2</t>
  </si>
  <si>
    <t>Patient 3</t>
  </si>
  <si>
    <t>Patient 4</t>
  </si>
  <si>
    <t>Patient 5</t>
  </si>
  <si>
    <t>Patient 7</t>
  </si>
  <si>
    <t>Patient 9</t>
  </si>
  <si>
    <t>Patient 10</t>
  </si>
  <si>
    <t xml:space="preserve">Patient 6 </t>
  </si>
  <si>
    <t>Patient 8</t>
  </si>
  <si>
    <t>Gennemsnit kontrol</t>
  </si>
  <si>
    <t>Standardafvigelse kontrol</t>
  </si>
  <si>
    <t>Gennemsnit patient</t>
  </si>
  <si>
    <t>Standardafvigelse patient</t>
  </si>
  <si>
    <t>Peptid</t>
  </si>
  <si>
    <t>Sekvens</t>
  </si>
  <si>
    <t>Protei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00"/>
  </numFmts>
  <fonts count="1" x14ac:knownFonts="1">
    <font>
      <sz val="11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0" fontId="0" fillId="2" borderId="0" xfId="0" applyFill="1"/>
    <xf numFmtId="164" fontId="0" fillId="0" borderId="0" xfId="0" applyNumberFormat="1"/>
    <xf numFmtId="0" fontId="0" fillId="3" borderId="0" xfId="0" applyFill="1"/>
    <xf numFmtId="0" fontId="0" fillId="4" borderId="0" xfId="0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a-DK" sz="2400"/>
              <a:t>Blodkoncentration</a:t>
            </a:r>
            <a:r>
              <a:rPr lang="da-DK" sz="2400" baseline="0"/>
              <a:t> af peptider</a:t>
            </a:r>
            <a:endParaRPr lang="da-DK" sz="2400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a-DK"/>
        </a:p>
      </c:txPr>
    </c:title>
    <c:autoTitleDeleted val="0"/>
    <c:plotArea>
      <c:layout>
        <c:manualLayout>
          <c:layoutTarget val="inner"/>
          <c:xMode val="edge"/>
          <c:yMode val="edge"/>
          <c:x val="5.8189606683035661E-2"/>
          <c:y val="0.14164206198785356"/>
          <c:w val="0.91858972679659323"/>
          <c:h val="0.63215869947711445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heet1!$X$1</c:f>
              <c:strCache>
                <c:ptCount val="1"/>
                <c:pt idx="0">
                  <c:v>Gennemsnit kontrol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Sheet1!$Y$2:$Y$19</c:f>
                <c:numCache>
                  <c:formatCode>General</c:formatCode>
                  <c:ptCount val="18"/>
                </c:numCache>
              </c:numRef>
            </c:plus>
            <c:minus>
              <c:numRef>
                <c:f>Sheet1!$Y$2:$Y$19</c:f>
                <c:numCache>
                  <c:formatCode>General</c:formatCode>
                  <c:ptCount val="18"/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cat>
            <c:numRef>
              <c:f>Sheet1!$A$2:$A$19</c:f>
              <c:numCache>
                <c:formatCode>General</c:formatCode>
                <c:ptCount val="18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  <c:pt idx="11">
                  <c:v>12</c:v>
                </c:pt>
                <c:pt idx="12">
                  <c:v>13</c:v>
                </c:pt>
                <c:pt idx="13">
                  <c:v>14</c:v>
                </c:pt>
                <c:pt idx="14">
                  <c:v>15</c:v>
                </c:pt>
                <c:pt idx="15">
                  <c:v>16</c:v>
                </c:pt>
                <c:pt idx="16">
                  <c:v>17</c:v>
                </c:pt>
                <c:pt idx="17">
                  <c:v>18</c:v>
                </c:pt>
              </c:numCache>
            </c:numRef>
          </c:cat>
          <c:val>
            <c:numRef>
              <c:f>Sheet1!$X$2:$X$19</c:f>
              <c:numCache>
                <c:formatCode>0.000</c:formatCode>
                <c:ptCount val="18"/>
              </c:numCache>
            </c:numRef>
          </c:val>
          <c:extLst>
            <c:ext xmlns:c16="http://schemas.microsoft.com/office/drawing/2014/chart" uri="{C3380CC4-5D6E-409C-BE32-E72D297353CC}">
              <c16:uniqueId val="{00000000-809F-44F7-9067-27560DF4BAFF}"/>
            </c:ext>
          </c:extLst>
        </c:ser>
        <c:ser>
          <c:idx val="1"/>
          <c:order val="1"/>
          <c:tx>
            <c:strRef>
              <c:f>Sheet1!$Z$1</c:f>
              <c:strCache>
                <c:ptCount val="1"/>
                <c:pt idx="0">
                  <c:v>Gennemsnit patient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Sheet1!$AA$2:$AA$19</c:f>
                <c:numCache>
                  <c:formatCode>General</c:formatCode>
                  <c:ptCount val="18"/>
                </c:numCache>
              </c:numRef>
            </c:plus>
            <c:minus>
              <c:numRef>
                <c:f>Sheet1!$AA$2:$AA$19</c:f>
                <c:numCache>
                  <c:formatCode>General</c:formatCode>
                  <c:ptCount val="18"/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cat>
            <c:numRef>
              <c:f>Sheet1!$A$2:$A$19</c:f>
              <c:numCache>
                <c:formatCode>General</c:formatCode>
                <c:ptCount val="18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  <c:pt idx="11">
                  <c:v>12</c:v>
                </c:pt>
                <c:pt idx="12">
                  <c:v>13</c:v>
                </c:pt>
                <c:pt idx="13">
                  <c:v>14</c:v>
                </c:pt>
                <c:pt idx="14">
                  <c:v>15</c:v>
                </c:pt>
                <c:pt idx="15">
                  <c:v>16</c:v>
                </c:pt>
                <c:pt idx="16">
                  <c:v>17</c:v>
                </c:pt>
                <c:pt idx="17">
                  <c:v>18</c:v>
                </c:pt>
              </c:numCache>
            </c:numRef>
          </c:cat>
          <c:val>
            <c:numRef>
              <c:f>Sheet1!$Z$2:$Z$19</c:f>
              <c:numCache>
                <c:formatCode>0.000</c:formatCode>
                <c:ptCount val="18"/>
              </c:numCache>
            </c:numRef>
          </c:val>
          <c:extLst>
            <c:ext xmlns:c16="http://schemas.microsoft.com/office/drawing/2014/chart" uri="{C3380CC4-5D6E-409C-BE32-E72D297353CC}">
              <c16:uniqueId val="{00000001-809F-44F7-9067-27560DF4BAF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37043984"/>
        <c:axId val="537038160"/>
      </c:barChart>
      <c:catAx>
        <c:axId val="537043984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da-DK" sz="1100"/>
                  <a:t>Peptidsekvens</a:t>
                </a:r>
              </a:p>
            </c:rich>
          </c:tx>
          <c:layout>
            <c:manualLayout>
              <c:xMode val="edge"/>
              <c:yMode val="edge"/>
              <c:x val="0.47734237209264141"/>
              <c:y val="0.83106543767643981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da-DK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  <c:crossAx val="537038160"/>
        <c:crosses val="autoZero"/>
        <c:auto val="1"/>
        <c:lblAlgn val="ctr"/>
        <c:lblOffset val="100"/>
        <c:noMultiLvlLbl val="0"/>
      </c:catAx>
      <c:valAx>
        <c:axId val="53703816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da-DK" sz="1100"/>
                  <a:t>Koncentration</a:t>
                </a:r>
              </a:p>
            </c:rich>
          </c:tx>
          <c:layout>
            <c:manualLayout>
              <c:xMode val="edge"/>
              <c:yMode val="edge"/>
              <c:x val="1.1997742464532116E-2"/>
              <c:y val="0.3677157689943624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da-DK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  <c:crossAx val="53704398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txPr>
          <a:bodyPr rot="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</c:legendEntry>
      <c:legendEntry>
        <c:idx val="1"/>
        <c:txPr>
          <a:bodyPr rot="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</c:legendEntry>
      <c:layout>
        <c:manualLayout>
          <c:xMode val="edge"/>
          <c:yMode val="edge"/>
          <c:x val="0.69982114064490875"/>
          <c:y val="0.13870462025087615"/>
          <c:w val="0.2908872399636605"/>
          <c:h val="7.9648332969738764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a-DK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da-DK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435429</xdr:colOff>
      <xdr:row>25</xdr:row>
      <xdr:rowOff>97970</xdr:rowOff>
    </xdr:from>
    <xdr:to>
      <xdr:col>22</xdr:col>
      <xdr:colOff>190500</xdr:colOff>
      <xdr:row>51</xdr:row>
      <xdr:rowOff>6803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E61612AF-6909-4908-743C-58D9BCA804B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20"/>
  <sheetViews>
    <sheetView tabSelected="1" topLeftCell="C1" zoomScale="90" zoomScaleNormal="90" workbookViewId="0">
      <selection activeCell="Y15" sqref="Y15"/>
    </sheetView>
  </sheetViews>
  <sheetFormatPr defaultRowHeight="15" x14ac:dyDescent="0.25"/>
  <cols>
    <col min="2" max="2" width="24.5703125" bestFit="1" customWidth="1"/>
    <col min="3" max="3" width="16.7109375" customWidth="1"/>
    <col min="4" max="4" width="9.28515625" bestFit="1" customWidth="1"/>
    <col min="5" max="12" width="9.7109375" bestFit="1" customWidth="1"/>
    <col min="13" max="13" width="10.5703125" bestFit="1" customWidth="1"/>
    <col min="14" max="14" width="9.28515625" bestFit="1" customWidth="1"/>
    <col min="15" max="18" width="9.7109375" bestFit="1" customWidth="1"/>
    <col min="19" max="19" width="10.140625" bestFit="1" customWidth="1"/>
    <col min="20" max="22" width="9.7109375" bestFit="1" customWidth="1"/>
    <col min="23" max="23" width="10.5703125" bestFit="1" customWidth="1"/>
    <col min="24" max="24" width="19.7109375" bestFit="1" customWidth="1"/>
    <col min="25" max="25" width="25.7109375" bestFit="1" customWidth="1"/>
    <col min="26" max="26" width="20" bestFit="1" customWidth="1"/>
    <col min="27" max="27" width="25.85546875" bestFit="1" customWidth="1"/>
  </cols>
  <sheetData>
    <row r="1" spans="1:39" x14ac:dyDescent="0.25">
      <c r="A1" t="s">
        <v>42</v>
      </c>
      <c r="B1" t="s">
        <v>43</v>
      </c>
      <c r="C1" t="s">
        <v>44</v>
      </c>
      <c r="D1" s="3" t="s">
        <v>18</v>
      </c>
      <c r="E1" s="3" t="s">
        <v>19</v>
      </c>
      <c r="F1" s="3" t="s">
        <v>20</v>
      </c>
      <c r="G1" s="3" t="s">
        <v>21</v>
      </c>
      <c r="H1" s="3" t="s">
        <v>22</v>
      </c>
      <c r="I1" s="3" t="s">
        <v>23</v>
      </c>
      <c r="J1" s="3" t="s">
        <v>24</v>
      </c>
      <c r="K1" s="3" t="s">
        <v>25</v>
      </c>
      <c r="L1" s="3" t="s">
        <v>26</v>
      </c>
      <c r="M1" s="3" t="s">
        <v>27</v>
      </c>
      <c r="N1" s="4" t="s">
        <v>28</v>
      </c>
      <c r="O1" s="4" t="s">
        <v>29</v>
      </c>
      <c r="P1" s="4" t="s">
        <v>30</v>
      </c>
      <c r="Q1" s="4" t="s">
        <v>31</v>
      </c>
      <c r="R1" s="4" t="s">
        <v>32</v>
      </c>
      <c r="S1" s="4" t="s">
        <v>36</v>
      </c>
      <c r="T1" s="4" t="s">
        <v>33</v>
      </c>
      <c r="U1" s="4" t="s">
        <v>37</v>
      </c>
      <c r="V1" s="4" t="s">
        <v>34</v>
      </c>
      <c r="W1" s="4" t="s">
        <v>35</v>
      </c>
      <c r="X1" s="3" t="s">
        <v>38</v>
      </c>
      <c r="Y1" s="3" t="s">
        <v>39</v>
      </c>
      <c r="Z1" s="4" t="s">
        <v>40</v>
      </c>
      <c r="AA1" s="4" t="s">
        <v>41</v>
      </c>
    </row>
    <row r="2" spans="1:39" s="1" customFormat="1" x14ac:dyDescent="0.25">
      <c r="A2">
        <v>1</v>
      </c>
      <c r="B2" t="s">
        <v>0</v>
      </c>
      <c r="C2"/>
      <c r="D2" s="2">
        <v>1.2707659097818862</v>
      </c>
      <c r="E2" s="2">
        <v>1.5251925350138917</v>
      </c>
      <c r="F2" s="2">
        <v>1.8924921673821551</v>
      </c>
      <c r="G2" s="2">
        <v>1.433116632149984</v>
      </c>
      <c r="H2" s="2">
        <v>1.9978275079624153</v>
      </c>
      <c r="I2" s="2">
        <v>1.8594577121981233</v>
      </c>
      <c r="J2" s="2">
        <v>0.3822094473861869</v>
      </c>
      <c r="K2" s="2">
        <v>0.67932719766511651</v>
      </c>
      <c r="L2" s="2">
        <v>0.10165152747646999</v>
      </c>
      <c r="M2" s="2">
        <v>0.41513054914593617</v>
      </c>
      <c r="N2" s="2">
        <v>3.7586432616969914</v>
      </c>
      <c r="O2" s="2">
        <v>3.39584839291927</v>
      </c>
      <c r="P2" s="2">
        <v>4.7558374614034147</v>
      </c>
      <c r="Q2" s="2">
        <v>4.6985389293319031</v>
      </c>
      <c r="R2" s="2">
        <v>4.974196731546602</v>
      </c>
      <c r="S2" s="2">
        <v>2.9956978718307354</v>
      </c>
      <c r="T2" s="2">
        <v>2.7767489880731091</v>
      </c>
      <c r="U2" s="2">
        <v>2.2305663972980616</v>
      </c>
      <c r="V2" s="2">
        <v>5.1302954863413941</v>
      </c>
      <c r="W2" s="2">
        <v>3.3918816588677179</v>
      </c>
      <c r="X2" s="2"/>
      <c r="Y2" s="2"/>
      <c r="Z2" s="2"/>
      <c r="AA2" s="2"/>
      <c r="AB2"/>
      <c r="AC2"/>
      <c r="AD2"/>
      <c r="AE2"/>
      <c r="AF2"/>
      <c r="AG2"/>
      <c r="AH2"/>
      <c r="AI2"/>
      <c r="AJ2"/>
      <c r="AK2"/>
      <c r="AL2"/>
      <c r="AM2"/>
    </row>
    <row r="3" spans="1:39" x14ac:dyDescent="0.25">
      <c r="A3">
        <v>2</v>
      </c>
      <c r="B3" t="s">
        <v>1</v>
      </c>
      <c r="D3" s="2">
        <v>2.6860568195560486</v>
      </c>
      <c r="E3" s="2">
        <v>2.5289015941797799</v>
      </c>
      <c r="F3" s="2">
        <v>2.0437049972902939</v>
      </c>
      <c r="G3" s="2">
        <v>2.1286984568601901</v>
      </c>
      <c r="H3" s="2">
        <v>2.7852407097991461</v>
      </c>
      <c r="I3" s="2">
        <v>2.3788492472241942</v>
      </c>
      <c r="J3" s="2">
        <v>2.5402033784631306</v>
      </c>
      <c r="K3" s="2">
        <v>2.8680388405008346</v>
      </c>
      <c r="L3" s="2">
        <v>2.4266873530377699</v>
      </c>
      <c r="M3" s="2">
        <v>2.4037245974200272</v>
      </c>
      <c r="N3" s="2">
        <v>2.2780312511568575</v>
      </c>
      <c r="O3" s="2">
        <v>2.1701407273170954</v>
      </c>
      <c r="P3" s="2">
        <v>2.5994593318805066</v>
      </c>
      <c r="Q3" s="2">
        <v>2.1844734379178137</v>
      </c>
      <c r="R3" s="2">
        <v>2.220680028370968</v>
      </c>
      <c r="S3" s="2">
        <v>2.2713909415233422</v>
      </c>
      <c r="T3" s="2">
        <v>2.7885921260068693</v>
      </c>
      <c r="U3" s="2">
        <v>2.7417538707018538</v>
      </c>
      <c r="V3" s="2">
        <v>2.725880654176918</v>
      </c>
      <c r="W3" s="2">
        <v>2.4191780272216978</v>
      </c>
      <c r="X3" s="2"/>
      <c r="Y3" s="2"/>
      <c r="Z3" s="2"/>
      <c r="AA3" s="2"/>
    </row>
    <row r="4" spans="1:39" x14ac:dyDescent="0.25">
      <c r="A4">
        <v>3</v>
      </c>
      <c r="B4" t="s">
        <v>2</v>
      </c>
      <c r="D4" s="2">
        <v>1.1602185688116724</v>
      </c>
      <c r="E4" s="2">
        <v>1.7076099786828216</v>
      </c>
      <c r="F4" s="2">
        <v>1.4173122403808907</v>
      </c>
      <c r="G4" s="2">
        <v>1.937142984150789</v>
      </c>
      <c r="H4" s="2">
        <v>1.0238175480562988</v>
      </c>
      <c r="I4" s="2">
        <v>1.0625740354833098</v>
      </c>
      <c r="J4" s="2">
        <v>1.6705963157232695</v>
      </c>
      <c r="K4" s="2">
        <v>1.3694977092935832</v>
      </c>
      <c r="L4" s="2">
        <v>1.0786836937127013</v>
      </c>
      <c r="M4" s="2">
        <v>1.9578276056651376</v>
      </c>
      <c r="N4" s="2">
        <v>2.1845687591380836</v>
      </c>
      <c r="O4" s="2">
        <v>1.8154284836873846</v>
      </c>
      <c r="P4" s="2">
        <v>1.0473181067251034</v>
      </c>
      <c r="Q4" s="2">
        <v>1.3375937094205694</v>
      </c>
      <c r="R4" s="2">
        <v>3.7272665583933855</v>
      </c>
      <c r="S4" s="2">
        <v>3.07803571754331</v>
      </c>
      <c r="T4" s="2">
        <v>1.7127815249280394</v>
      </c>
      <c r="U4" s="2">
        <v>1.9503252858660551</v>
      </c>
      <c r="V4" s="2">
        <v>1.4332591277768012</v>
      </c>
      <c r="W4" s="2">
        <v>1.0735066520408445</v>
      </c>
      <c r="X4" s="2"/>
      <c r="Y4" s="2"/>
      <c r="Z4" s="2"/>
      <c r="AA4" s="2"/>
    </row>
    <row r="5" spans="1:39" s="1" customFormat="1" x14ac:dyDescent="0.25">
      <c r="A5">
        <v>4</v>
      </c>
      <c r="B5" t="s">
        <v>3</v>
      </c>
      <c r="C5"/>
      <c r="D5" s="2">
        <v>2.5312928073402325</v>
      </c>
      <c r="E5" s="2">
        <v>2.5295996477990683</v>
      </c>
      <c r="F5" s="2">
        <v>2.4198333076054235</v>
      </c>
      <c r="G5" s="2">
        <v>2.1998814931080251</v>
      </c>
      <c r="H5" s="2">
        <v>2.2871952860193505</v>
      </c>
      <c r="I5" s="2">
        <v>2.2476338847859267</v>
      </c>
      <c r="J5" s="2">
        <v>2.4720266087344109</v>
      </c>
      <c r="K5" s="2">
        <v>2.6274712204975117</v>
      </c>
      <c r="L5" s="2">
        <v>2.0983699917304879</v>
      </c>
      <c r="M5" s="2">
        <v>2.6895863654154697</v>
      </c>
      <c r="N5" s="2">
        <v>5.4613049630444941</v>
      </c>
      <c r="O5" s="2">
        <v>4.0937561687191355</v>
      </c>
      <c r="P5" s="2">
        <v>3.025859746628778</v>
      </c>
      <c r="Q5" s="2">
        <v>5.6714639015439356</v>
      </c>
      <c r="R5" s="2">
        <v>3.2425211383732924</v>
      </c>
      <c r="S5" s="2">
        <v>5.6841173246400603</v>
      </c>
      <c r="T5" s="2">
        <v>3.3511098374870398</v>
      </c>
      <c r="U5" s="2">
        <v>3.1512119682368218</v>
      </c>
      <c r="V5" s="2">
        <v>4.7371552260663403</v>
      </c>
      <c r="W5" s="2">
        <v>5.6168061623563137</v>
      </c>
      <c r="X5" s="2"/>
      <c r="Y5" s="2"/>
      <c r="Z5" s="2"/>
      <c r="AA5" s="2"/>
      <c r="AB5"/>
      <c r="AC5"/>
      <c r="AD5"/>
      <c r="AE5"/>
      <c r="AF5"/>
      <c r="AG5"/>
      <c r="AH5"/>
      <c r="AI5"/>
      <c r="AJ5"/>
      <c r="AK5"/>
      <c r="AL5"/>
      <c r="AM5"/>
    </row>
    <row r="6" spans="1:39" x14ac:dyDescent="0.25">
      <c r="A6">
        <v>5</v>
      </c>
      <c r="B6" t="s">
        <v>4</v>
      </c>
      <c r="D6" s="2">
        <v>1.83972811184997</v>
      </c>
      <c r="E6" s="2">
        <v>1.5444428041466434</v>
      </c>
      <c r="F6" s="2">
        <v>9.5854475927699099</v>
      </c>
      <c r="G6" s="2">
        <v>1.2721033106453785</v>
      </c>
      <c r="H6" s="2">
        <v>1.697503143893756</v>
      </c>
      <c r="I6" s="2">
        <v>1.6745055898870325</v>
      </c>
      <c r="J6" s="2">
        <v>6.7769403131891028</v>
      </c>
      <c r="K6" s="2">
        <v>2.2151294219076045</v>
      </c>
      <c r="L6" s="2">
        <v>8.5707397615637397</v>
      </c>
      <c r="M6" s="2">
        <v>2.9572309212324095</v>
      </c>
      <c r="N6" s="2">
        <v>1.4197228898638801</v>
      </c>
      <c r="O6" s="2">
        <v>1.1193739750174854</v>
      </c>
      <c r="P6" s="2">
        <v>1.6998390179771301</v>
      </c>
      <c r="Q6" s="2">
        <v>1.0532110951210958</v>
      </c>
      <c r="R6" s="2">
        <v>2.0165810617014781</v>
      </c>
      <c r="S6" s="2">
        <v>2.0698912787864421</v>
      </c>
      <c r="T6" s="2">
        <v>2.2118880716590139</v>
      </c>
      <c r="U6" s="2">
        <v>1.393151713815669</v>
      </c>
      <c r="V6" s="2">
        <v>1.5727976204288401</v>
      </c>
      <c r="W6" s="2">
        <v>1.9855408016927745</v>
      </c>
      <c r="X6" s="2"/>
      <c r="Y6" s="2"/>
      <c r="Z6" s="2"/>
      <c r="AA6" s="2"/>
    </row>
    <row r="7" spans="1:39" s="1" customFormat="1" x14ac:dyDescent="0.25">
      <c r="A7">
        <v>6</v>
      </c>
      <c r="B7" t="s">
        <v>5</v>
      </c>
      <c r="C7"/>
      <c r="D7" s="2">
        <v>3.5029102363720384</v>
      </c>
      <c r="E7" s="2">
        <v>3.42276817120604</v>
      </c>
      <c r="F7" s="2">
        <v>3.8212268224363144</v>
      </c>
      <c r="G7" s="2">
        <v>4.5683722897898953</v>
      </c>
      <c r="H7" s="2">
        <v>3.0774781852675721</v>
      </c>
      <c r="I7" s="2">
        <v>4.8726516903921411</v>
      </c>
      <c r="J7" s="2">
        <v>3.5843055410425531</v>
      </c>
      <c r="K7" s="2">
        <v>3.1930021902072063</v>
      </c>
      <c r="L7" s="2">
        <v>3.7372443683592329</v>
      </c>
      <c r="M7" s="2">
        <v>3.8143246734803866</v>
      </c>
      <c r="N7" s="2">
        <v>5.7292229603684923</v>
      </c>
      <c r="O7" s="2">
        <v>5.4072632315571294</v>
      </c>
      <c r="P7" s="2">
        <v>5.0445258446795096</v>
      </c>
      <c r="Q7" s="2">
        <v>5.3493734393095034</v>
      </c>
      <c r="R7" s="2">
        <v>5.1268937142894977</v>
      </c>
      <c r="S7" s="2">
        <v>5.6904261066204018</v>
      </c>
      <c r="T7" s="2">
        <v>5.919889743898465</v>
      </c>
      <c r="U7" s="2">
        <v>5.9201453135606954</v>
      </c>
      <c r="V7" s="2">
        <v>5.5797096130251678</v>
      </c>
      <c r="W7" s="2">
        <v>5.8806756918231091</v>
      </c>
      <c r="X7" s="2"/>
      <c r="Y7" s="2"/>
      <c r="Z7" s="2"/>
      <c r="AA7" s="2"/>
      <c r="AB7"/>
      <c r="AC7"/>
      <c r="AD7"/>
      <c r="AE7"/>
      <c r="AF7"/>
      <c r="AG7"/>
      <c r="AH7"/>
      <c r="AI7"/>
      <c r="AJ7"/>
      <c r="AK7"/>
      <c r="AL7"/>
      <c r="AM7"/>
    </row>
    <row r="8" spans="1:39" x14ac:dyDescent="0.25">
      <c r="A8">
        <v>7</v>
      </c>
      <c r="B8" t="s">
        <v>6</v>
      </c>
      <c r="D8" s="2">
        <v>5.0237789574643283</v>
      </c>
      <c r="E8" s="2">
        <v>6.2847933826276527</v>
      </c>
      <c r="F8" s="2">
        <v>4.1560447952519253</v>
      </c>
      <c r="G8" s="2">
        <v>5.7517507907532393</v>
      </c>
      <c r="H8" s="2">
        <v>4.5180547498589636</v>
      </c>
      <c r="I8" s="2">
        <v>5.8784369293439926</v>
      </c>
      <c r="J8" s="2">
        <v>5.312693176595884</v>
      </c>
      <c r="K8" s="2">
        <v>6.0249476142580276</v>
      </c>
      <c r="L8" s="2">
        <v>5.7618715051441782</v>
      </c>
      <c r="M8" s="2">
        <v>4.024721131229688</v>
      </c>
      <c r="N8" s="2">
        <v>5.9169271134985717</v>
      </c>
      <c r="O8" s="2">
        <v>5.8005081757477219</v>
      </c>
      <c r="P8" s="2">
        <v>5.1346757234451266</v>
      </c>
      <c r="Q8" s="2">
        <v>3.4780345360006031</v>
      </c>
      <c r="R8" s="2">
        <v>5.5053004222380881</v>
      </c>
      <c r="S8" s="2">
        <v>5.5098713315611114</v>
      </c>
      <c r="T8" s="2">
        <v>5.8685187574188715</v>
      </c>
      <c r="U8" s="2">
        <v>4.8619770259504982</v>
      </c>
      <c r="V8" s="2">
        <v>5.1123099619570427</v>
      </c>
      <c r="W8" s="2">
        <v>5.4750077027975657</v>
      </c>
      <c r="X8" s="2"/>
      <c r="Y8" s="2"/>
      <c r="Z8" s="2"/>
      <c r="AA8" s="2"/>
    </row>
    <row r="9" spans="1:39" x14ac:dyDescent="0.25">
      <c r="A9">
        <v>8</v>
      </c>
      <c r="B9" t="s">
        <v>7</v>
      </c>
      <c r="D9" s="2">
        <v>2.1763138709967378</v>
      </c>
      <c r="E9" s="2">
        <v>3.9727581748203331</v>
      </c>
      <c r="F9" s="2">
        <v>3.6345375632965302</v>
      </c>
      <c r="G9" s="2">
        <v>2.0574500944543335</v>
      </c>
      <c r="H9" s="2">
        <v>3.5755209153792631</v>
      </c>
      <c r="I9" s="2">
        <v>2.8427346157034101</v>
      </c>
      <c r="J9" s="2">
        <v>2.4534590727573766</v>
      </c>
      <c r="K9" s="2">
        <v>2.7079249235894913</v>
      </c>
      <c r="L9" s="2">
        <v>3.0917639586352763</v>
      </c>
      <c r="M9" s="2">
        <v>2.3244224841855412</v>
      </c>
      <c r="N9" s="2">
        <v>3.7136593149529906</v>
      </c>
      <c r="O9" s="2">
        <v>2.057022152785926</v>
      </c>
      <c r="P9" s="2">
        <v>4.846647023037292</v>
      </c>
      <c r="Q9" s="2">
        <v>2.5883264209762444</v>
      </c>
      <c r="R9" s="2">
        <v>2.3616539392295914</v>
      </c>
      <c r="S9" s="2">
        <v>2.9731995549722416</v>
      </c>
      <c r="T9" s="2">
        <v>2.9839025442661944</v>
      </c>
      <c r="U9" s="2">
        <v>3.7713405948943635</v>
      </c>
      <c r="V9" s="2">
        <v>2.7259158243855497</v>
      </c>
      <c r="W9" s="2">
        <v>3.2409295705939996</v>
      </c>
      <c r="X9" s="2"/>
      <c r="Y9" s="2"/>
      <c r="Z9" s="2"/>
      <c r="AA9" s="2"/>
    </row>
    <row r="10" spans="1:39" x14ac:dyDescent="0.25">
      <c r="A10">
        <v>9</v>
      </c>
      <c r="B10" t="s">
        <v>8</v>
      </c>
      <c r="D10" s="2">
        <v>3.3530959950577937</v>
      </c>
      <c r="E10" s="2">
        <v>2.0945342096497943</v>
      </c>
      <c r="F10" s="2">
        <v>3.4044183208605485</v>
      </c>
      <c r="G10" s="2">
        <v>2.6178328900116092</v>
      </c>
      <c r="H10" s="2">
        <v>4.6408197875389945</v>
      </c>
      <c r="I10" s="2">
        <v>2.3398386054463782</v>
      </c>
      <c r="J10" s="2">
        <v>4.3777272053813316</v>
      </c>
      <c r="K10" s="2">
        <v>3.4025883044797256</v>
      </c>
      <c r="L10" s="2">
        <v>3.25601375393529</v>
      </c>
      <c r="M10" s="2">
        <v>3.2383260508106075</v>
      </c>
      <c r="N10" s="2">
        <v>5.6329474451232127</v>
      </c>
      <c r="O10" s="2">
        <v>3.8260476882105232</v>
      </c>
      <c r="P10" s="2">
        <v>3.3909095107603031</v>
      </c>
      <c r="Q10" s="2">
        <v>5.6745915330003838</v>
      </c>
      <c r="R10" s="2">
        <v>3.2205641778475917</v>
      </c>
      <c r="S10" s="2">
        <v>4.6996712158813931</v>
      </c>
      <c r="T10" s="2">
        <v>4.0749485895272013</v>
      </c>
      <c r="U10" s="2">
        <v>3.835488064654796</v>
      </c>
      <c r="V10" s="2">
        <v>4.9806575720103323</v>
      </c>
      <c r="W10" s="2">
        <v>5.8282168312485751</v>
      </c>
      <c r="X10" s="2"/>
      <c r="Y10" s="2"/>
      <c r="Z10" s="2"/>
      <c r="AA10" s="2"/>
    </row>
    <row r="11" spans="1:39" x14ac:dyDescent="0.25">
      <c r="A11">
        <v>10</v>
      </c>
      <c r="B11" t="s">
        <v>9</v>
      </c>
      <c r="D11" s="2">
        <v>0.13481384259509177</v>
      </c>
      <c r="E11" s="2">
        <v>0.71550834717284229</v>
      </c>
      <c r="F11" s="2">
        <v>0.65936712243407891</v>
      </c>
      <c r="G11" s="2">
        <v>0.8044352620624593</v>
      </c>
      <c r="H11" s="2">
        <v>0.77257200283474536</v>
      </c>
      <c r="I11" s="2">
        <v>0.76341758062428655</v>
      </c>
      <c r="J11" s="2">
        <v>0.999734844791762</v>
      </c>
      <c r="K11" s="2">
        <v>0.64468349213731235</v>
      </c>
      <c r="L11" s="2">
        <v>0.21924338529191756</v>
      </c>
      <c r="M11" s="2">
        <v>0.32715385957196685</v>
      </c>
      <c r="N11" s="2">
        <v>0.46977465567527832</v>
      </c>
      <c r="O11" s="2">
        <v>0.20793487499873353</v>
      </c>
      <c r="P11" s="2">
        <v>0.85202589137600571</v>
      </c>
      <c r="Q11" s="2">
        <v>0.84849137473077718</v>
      </c>
      <c r="R11" s="2">
        <v>9.9830698532040518E-2</v>
      </c>
      <c r="S11" s="2">
        <v>0.58372841829123157</v>
      </c>
      <c r="T11" s="2">
        <v>0.39769150746915016</v>
      </c>
      <c r="U11" s="2">
        <v>0.30070967079206523</v>
      </c>
      <c r="V11" s="2">
        <v>0.56523086506538323</v>
      </c>
      <c r="W11" s="2">
        <v>0.15635152599357915</v>
      </c>
      <c r="X11" s="2"/>
      <c r="Y11" s="2"/>
      <c r="Z11" s="2"/>
      <c r="AA11" s="2"/>
    </row>
    <row r="12" spans="1:39" s="1" customFormat="1" x14ac:dyDescent="0.25">
      <c r="A12">
        <v>11</v>
      </c>
      <c r="B12" t="s">
        <v>10</v>
      </c>
      <c r="C12"/>
      <c r="D12" s="2">
        <v>2.6802162013460213</v>
      </c>
      <c r="E12" s="2">
        <v>1.978885328150797</v>
      </c>
      <c r="F12" s="2">
        <v>1.1708992723618346</v>
      </c>
      <c r="G12" s="2">
        <v>2.0470781265627198</v>
      </c>
      <c r="H12" s="2">
        <v>1.9431066825551637</v>
      </c>
      <c r="I12" s="2">
        <v>2.8185206041948865</v>
      </c>
      <c r="J12" s="2">
        <v>2.1752526843511006</v>
      </c>
      <c r="K12" s="2">
        <v>3.8432607277112099</v>
      </c>
      <c r="L12" s="2">
        <v>3.4664799535389199</v>
      </c>
      <c r="M12" s="2">
        <v>3.8540543480587499</v>
      </c>
      <c r="N12" s="2">
        <v>6.876103976253944</v>
      </c>
      <c r="O12" s="2">
        <v>8.4293332573009554</v>
      </c>
      <c r="P12" s="2">
        <v>6.6125893251372183</v>
      </c>
      <c r="Q12" s="2">
        <v>4.4957065117742196</v>
      </c>
      <c r="R12" s="2">
        <v>6.4619063166089248</v>
      </c>
      <c r="S12" s="2">
        <v>3.4466365511079333</v>
      </c>
      <c r="T12" s="2">
        <v>4.4844993367970769</v>
      </c>
      <c r="U12" s="2">
        <v>4.4548558656331796</v>
      </c>
      <c r="V12" s="2">
        <v>7.4626444459687402</v>
      </c>
      <c r="W12" s="2">
        <v>9.9098795063265825</v>
      </c>
      <c r="X12" s="2"/>
      <c r="Y12" s="2"/>
      <c r="Z12" s="2"/>
      <c r="AA12" s="2"/>
      <c r="AB12"/>
      <c r="AC12"/>
      <c r="AD12"/>
      <c r="AE12"/>
      <c r="AF12"/>
      <c r="AG12"/>
      <c r="AH12"/>
      <c r="AI12"/>
      <c r="AJ12"/>
      <c r="AK12"/>
      <c r="AL12"/>
      <c r="AM12"/>
    </row>
    <row r="13" spans="1:39" s="1" customFormat="1" x14ac:dyDescent="0.25">
      <c r="A13">
        <v>12</v>
      </c>
      <c r="B13" t="s">
        <v>11</v>
      </c>
      <c r="C13"/>
      <c r="D13" s="2">
        <v>5.4057377282950343</v>
      </c>
      <c r="E13" s="2">
        <v>4.9074427350245697</v>
      </c>
      <c r="F13" s="2">
        <v>3.6284953993500446</v>
      </c>
      <c r="G13" s="2">
        <v>4.1922250048903233</v>
      </c>
      <c r="H13" s="2">
        <v>3.0788383907852328</v>
      </c>
      <c r="I13" s="2">
        <v>2.886486050476313</v>
      </c>
      <c r="J13" s="2">
        <v>2.7878294084536464</v>
      </c>
      <c r="K13" s="2">
        <v>1.2386836654566802</v>
      </c>
      <c r="L13" s="2">
        <v>3.4836065462261701</v>
      </c>
      <c r="M13" s="2">
        <v>2.073178081776637</v>
      </c>
      <c r="N13" s="2">
        <v>0.78651566744169177</v>
      </c>
      <c r="O13" s="2">
        <v>0.12347610665099773</v>
      </c>
      <c r="P13" s="2">
        <v>0.12127852421598495</v>
      </c>
      <c r="Q13" s="2">
        <v>0.79975040318189594</v>
      </c>
      <c r="R13" s="2">
        <v>0.95038538262656258</v>
      </c>
      <c r="S13" s="2">
        <v>0.57195248252702813</v>
      </c>
      <c r="T13" s="2">
        <v>0.29511384951381447</v>
      </c>
      <c r="U13" s="2">
        <v>0.30294204574159622</v>
      </c>
      <c r="V13" s="2">
        <v>0.41026463397229063</v>
      </c>
      <c r="W13" s="2">
        <v>8.4672045915205052E-3</v>
      </c>
      <c r="X13" s="2"/>
      <c r="Y13" s="2"/>
      <c r="Z13" s="2"/>
      <c r="AA13" s="2"/>
      <c r="AB13"/>
      <c r="AC13"/>
      <c r="AD13"/>
      <c r="AE13"/>
      <c r="AF13"/>
      <c r="AG13"/>
      <c r="AH13"/>
      <c r="AI13"/>
      <c r="AJ13"/>
      <c r="AK13"/>
      <c r="AL13"/>
      <c r="AM13"/>
    </row>
    <row r="14" spans="1:39" x14ac:dyDescent="0.25">
      <c r="A14">
        <v>13</v>
      </c>
      <c r="B14" t="s">
        <v>12</v>
      </c>
      <c r="D14" s="2">
        <v>0.345677340179947</v>
      </c>
      <c r="E14" s="2">
        <v>0.42681358927722801</v>
      </c>
      <c r="F14" s="2">
        <v>0.75095124399448099</v>
      </c>
      <c r="G14" s="2">
        <v>0.12244500605854625</v>
      </c>
      <c r="H14" s="2">
        <v>0.93329502663266783</v>
      </c>
      <c r="I14" s="2">
        <v>0.71977563268374367</v>
      </c>
      <c r="J14" s="2">
        <v>0.49522479693908772</v>
      </c>
      <c r="K14" s="2">
        <v>0.70889773708407211</v>
      </c>
      <c r="L14" s="2">
        <v>0.30804435042679057</v>
      </c>
      <c r="M14" s="2">
        <v>0.96615736793281737</v>
      </c>
      <c r="N14" s="2">
        <v>0.63767689784056703</v>
      </c>
      <c r="O14" s="2">
        <v>0.93749970168223695</v>
      </c>
      <c r="P14" s="2">
        <v>0.46895038946620415</v>
      </c>
      <c r="Q14" s="2">
        <v>0.81289770499716851</v>
      </c>
      <c r="R14" s="2">
        <v>0.99979682117701951</v>
      </c>
      <c r="S14" s="2">
        <v>0.17568651631532795</v>
      </c>
      <c r="T14" s="2">
        <v>0.5912658523376878</v>
      </c>
      <c r="U14" s="2">
        <v>0.4630803129889417</v>
      </c>
      <c r="V14" s="2">
        <v>0.7134787185429371</v>
      </c>
      <c r="W14" s="2">
        <v>0.21075254072275673</v>
      </c>
      <c r="X14" s="2"/>
      <c r="Y14" s="2"/>
      <c r="Z14" s="2"/>
      <c r="AA14" s="2"/>
    </row>
    <row r="15" spans="1:39" x14ac:dyDescent="0.25">
      <c r="A15">
        <v>14</v>
      </c>
      <c r="B15" t="s">
        <v>13</v>
      </c>
      <c r="D15" s="2">
        <v>3.2919887531784342</v>
      </c>
      <c r="E15" s="2">
        <v>4.2002837754981392</v>
      </c>
      <c r="F15" s="2">
        <v>4.7082460507779347</v>
      </c>
      <c r="G15" s="2">
        <v>4.4519647523258286</v>
      </c>
      <c r="H15" s="2">
        <v>1.1820784354541984</v>
      </c>
      <c r="I15" s="2">
        <v>3.3780626379104581</v>
      </c>
      <c r="J15" s="2">
        <v>4.8275614994361931</v>
      </c>
      <c r="K15" s="2">
        <v>3.1423911366523565</v>
      </c>
      <c r="L15" s="2">
        <v>4.6552118254711248</v>
      </c>
      <c r="M15" s="2">
        <v>6.5756406688248195</v>
      </c>
      <c r="N15" s="2">
        <v>2.693200289335226</v>
      </c>
      <c r="O15" s="2">
        <v>2.9631394504179394</v>
      </c>
      <c r="P15" s="2">
        <v>3.4368573680833006</v>
      </c>
      <c r="Q15" s="2">
        <v>2.5324326772193011</v>
      </c>
      <c r="R15" s="2">
        <v>3.7468207889076006</v>
      </c>
      <c r="S15" s="2">
        <v>2.534979756116976</v>
      </c>
      <c r="T15" s="2">
        <v>2.2642712755041519</v>
      </c>
      <c r="U15" s="2">
        <v>3.5934398394716593</v>
      </c>
      <c r="V15" s="2">
        <v>3.4158156763148293</v>
      </c>
      <c r="W15" s="2">
        <v>3.6957298745780895</v>
      </c>
      <c r="X15" s="2"/>
      <c r="Y15" s="2"/>
      <c r="Z15" s="2"/>
      <c r="AA15" s="2"/>
    </row>
    <row r="16" spans="1:39" s="1" customFormat="1" x14ac:dyDescent="0.25">
      <c r="A16">
        <v>15</v>
      </c>
      <c r="B16" t="s">
        <v>14</v>
      </c>
      <c r="C16"/>
      <c r="D16" s="2">
        <v>4.3826033857690021</v>
      </c>
      <c r="E16" s="2">
        <v>4.1023044031563591</v>
      </c>
      <c r="F16" s="2">
        <v>5.3200523653384026</v>
      </c>
      <c r="G16" s="2">
        <v>4.6928220814810171</v>
      </c>
      <c r="H16" s="2">
        <v>4.7083175100861663</v>
      </c>
      <c r="I16" s="2">
        <v>5.3690916308877412</v>
      </c>
      <c r="J16" s="2">
        <v>4.471192339274455</v>
      </c>
      <c r="K16" s="2">
        <v>6.1204159317784841</v>
      </c>
      <c r="L16" s="2">
        <v>4.2683073167603824</v>
      </c>
      <c r="M16" s="2">
        <v>4.0003702543609947</v>
      </c>
      <c r="N16" s="2">
        <v>0.32699390796996247</v>
      </c>
      <c r="O16" s="2">
        <v>1.71081888874553</v>
      </c>
      <c r="P16" s="2">
        <v>0.93635043269608897</v>
      </c>
      <c r="Q16" s="2">
        <v>2.30332878466761</v>
      </c>
      <c r="R16" s="2">
        <v>1.0611366394358561</v>
      </c>
      <c r="S16" s="2">
        <v>0.81260982543603055</v>
      </c>
      <c r="T16" s="2">
        <v>1.00183821073401</v>
      </c>
      <c r="U16" s="2">
        <v>0.40431634620169432</v>
      </c>
      <c r="V16" s="2">
        <v>0.1701648391011521</v>
      </c>
      <c r="W16" s="2">
        <v>2.0429795761834502</v>
      </c>
      <c r="X16" s="2"/>
      <c r="Y16" s="2"/>
      <c r="Z16" s="2"/>
      <c r="AA16" s="2"/>
      <c r="AB16"/>
      <c r="AC16"/>
      <c r="AD16"/>
      <c r="AE16"/>
      <c r="AF16"/>
      <c r="AG16"/>
      <c r="AH16"/>
      <c r="AI16"/>
      <c r="AJ16"/>
      <c r="AK16"/>
      <c r="AL16"/>
      <c r="AM16"/>
    </row>
    <row r="17" spans="1:39" s="1" customFormat="1" x14ac:dyDescent="0.25">
      <c r="A17">
        <v>16</v>
      </c>
      <c r="B17" t="s">
        <v>15</v>
      </c>
      <c r="C17"/>
      <c r="D17" s="2">
        <v>3.1007507191272299</v>
      </c>
      <c r="E17" s="2">
        <v>1.1306601470764588</v>
      </c>
      <c r="F17" s="2">
        <v>3.7798651326188866</v>
      </c>
      <c r="G17" s="2">
        <v>3.9470381304079294</v>
      </c>
      <c r="H17" s="2">
        <v>3.9125217965393468</v>
      </c>
      <c r="I17" s="2">
        <v>1.2153118906915834</v>
      </c>
      <c r="J17" s="2">
        <v>1.5305069453058935</v>
      </c>
      <c r="K17" s="2">
        <v>2.1728154165646103</v>
      </c>
      <c r="L17" s="2">
        <v>1.1476879026219884</v>
      </c>
      <c r="M17" s="2">
        <v>3.9249024517180864</v>
      </c>
      <c r="N17" s="2">
        <v>7.0925340423132592</v>
      </c>
      <c r="O17" s="2">
        <v>5.8206989183368156</v>
      </c>
      <c r="P17" s="2">
        <v>3.7509444412284436</v>
      </c>
      <c r="Q17" s="2">
        <v>4.7688589811892221</v>
      </c>
      <c r="R17" s="2">
        <v>5.198442719400048</v>
      </c>
      <c r="S17" s="2">
        <v>6.6576454063570818</v>
      </c>
      <c r="T17" s="2">
        <v>6.6076492367554476</v>
      </c>
      <c r="U17" s="2">
        <v>6.8334983448746343</v>
      </c>
      <c r="V17" s="2">
        <v>3.3711479865582641</v>
      </c>
      <c r="W17" s="2">
        <v>7.1514563720539073</v>
      </c>
      <c r="X17" s="2"/>
      <c r="Y17" s="2"/>
      <c r="Z17" s="2"/>
      <c r="AA17" s="2"/>
      <c r="AB17"/>
      <c r="AC17"/>
      <c r="AD17"/>
      <c r="AE17"/>
      <c r="AF17"/>
      <c r="AG17"/>
      <c r="AH17"/>
      <c r="AI17"/>
      <c r="AJ17"/>
      <c r="AK17"/>
      <c r="AL17"/>
      <c r="AM17"/>
    </row>
    <row r="18" spans="1:39" x14ac:dyDescent="0.25">
      <c r="A18">
        <v>17</v>
      </c>
      <c r="B18" t="s">
        <v>16</v>
      </c>
      <c r="D18" s="2">
        <v>0.7627799638034034</v>
      </c>
      <c r="E18" s="2">
        <v>0.57280589651316571</v>
      </c>
      <c r="F18" s="2">
        <v>0.88451046653472454</v>
      </c>
      <c r="G18" s="2">
        <v>0.29839765140955166</v>
      </c>
      <c r="H18" s="2">
        <v>1.082302760827593</v>
      </c>
      <c r="I18" s="2">
        <v>1.7934335276133226</v>
      </c>
      <c r="J18" s="2">
        <v>1.786006744217626</v>
      </c>
      <c r="K18" s="2">
        <v>0.25572298844644337</v>
      </c>
      <c r="L18" s="2">
        <v>1.2579183714014677</v>
      </c>
      <c r="M18" s="2">
        <v>0.57989429775639345</v>
      </c>
      <c r="N18" s="2">
        <v>0.79194779200426035</v>
      </c>
      <c r="O18" s="2">
        <v>0.20139205218982004</v>
      </c>
      <c r="P18" s="2">
        <v>1.8885743693786186</v>
      </c>
      <c r="Q18" s="2">
        <v>0.8513811347312954</v>
      </c>
      <c r="R18" s="2">
        <v>0.79529838100306871</v>
      </c>
      <c r="S18" s="2">
        <v>0.55851774345763161</v>
      </c>
      <c r="T18" s="2">
        <v>1.1116547408235615</v>
      </c>
      <c r="U18" s="2">
        <v>1.483015511009137</v>
      </c>
      <c r="V18" s="2">
        <v>1.6023199897920279</v>
      </c>
      <c r="W18" s="2">
        <v>1.0900738365650096</v>
      </c>
      <c r="X18" s="2"/>
      <c r="Y18" s="2"/>
      <c r="Z18" s="2"/>
      <c r="AA18" s="2"/>
    </row>
    <row r="19" spans="1:39" x14ac:dyDescent="0.25">
      <c r="A19">
        <v>18</v>
      </c>
      <c r="B19" t="s">
        <v>17</v>
      </c>
      <c r="D19" s="2">
        <v>3.3804677869552453</v>
      </c>
      <c r="E19" s="2">
        <v>1.66394589606668</v>
      </c>
      <c r="F19" s="2">
        <v>0.51611230928424723</v>
      </c>
      <c r="G19" s="2">
        <v>2.02104869350564</v>
      </c>
      <c r="H19" s="2">
        <v>1.3518715595931741</v>
      </c>
      <c r="I19" s="2">
        <v>1.1701259365874979</v>
      </c>
      <c r="J19" s="2">
        <v>1.0035710450202484</v>
      </c>
      <c r="K19" s="2">
        <v>0.10442504873899727</v>
      </c>
      <c r="L19" s="2">
        <v>3.5785312662883211</v>
      </c>
      <c r="M19" s="2">
        <v>1.0857818884232495</v>
      </c>
      <c r="N19" s="2">
        <v>3.9760877295526029</v>
      </c>
      <c r="O19" s="2">
        <v>2.9459560387677759</v>
      </c>
      <c r="P19" s="2">
        <v>0.87505523512942496</v>
      </c>
      <c r="Q19" s="2">
        <v>3.5949637421362333</v>
      </c>
      <c r="R19" s="2">
        <v>0.29833754795391831</v>
      </c>
      <c r="S19" s="2">
        <v>3.9440186829366604</v>
      </c>
      <c r="T19" s="2">
        <v>3.0264426961330337</v>
      </c>
      <c r="U19" s="2">
        <v>2.5152034371183603</v>
      </c>
      <c r="V19" s="2">
        <v>2.0303990827670479</v>
      </c>
      <c r="W19" s="2">
        <v>1.9677443795507958</v>
      </c>
      <c r="X19" s="2"/>
      <c r="Y19" s="2"/>
      <c r="Z19" s="2"/>
      <c r="AA19" s="2"/>
    </row>
    <row r="20" spans="1:39" x14ac:dyDescent="0.25">
      <c r="AA20" s="2"/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ne Damgaard Henriksen</dc:creator>
  <cp:lastModifiedBy>Line Damgaard Henriksen</cp:lastModifiedBy>
  <dcterms:created xsi:type="dcterms:W3CDTF">2022-09-04T14:19:58Z</dcterms:created>
  <dcterms:modified xsi:type="dcterms:W3CDTF">2022-09-27T12:36:37Z</dcterms:modified>
</cp:coreProperties>
</file>